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■ＨＰ教採枚数表\教員採用\"/>
    </mc:Choice>
  </mc:AlternateContent>
  <bookViews>
    <workbookView xWindow="14385" yWindow="-15" windowWidth="14430" windowHeight="12780" tabRatio="828"/>
  </bookViews>
  <sheets>
    <sheet name="R4年1次・3次" sheetId="39" r:id="rId1"/>
    <sheet name="R4年2次" sheetId="40" r:id="rId2"/>
  </sheets>
  <calcPr calcId="162913"/>
</workbook>
</file>

<file path=xl/sharedStrings.xml><?xml version="1.0" encoding="utf-8"?>
<sst xmlns="http://schemas.openxmlformats.org/spreadsheetml/2006/main" count="140" uniqueCount="102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面接</t>
    <rPh sb="0" eb="2">
      <t>メンセツ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高　国語</t>
    <rPh sb="0" eb="2">
      <t>チュウコウ</t>
    </rPh>
    <rPh sb="3" eb="5">
      <t>コクゴ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農業</t>
    <rPh sb="0" eb="2">
      <t>コウコウ</t>
    </rPh>
    <rPh sb="3" eb="5">
      <t>ノウギョウ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・２次・３次</t>
    <rPh sb="1" eb="2">
      <t>ジ</t>
    </rPh>
    <rPh sb="4" eb="5">
      <t>ジ</t>
    </rPh>
    <rPh sb="7" eb="8">
      <t>ジ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スペシャリスト特別選考</t>
    <rPh sb="7" eb="9">
      <t>トクベツ</t>
    </rPh>
    <rPh sb="9" eb="11">
      <t>センコウ</t>
    </rPh>
    <phoneticPr fontId="1"/>
  </si>
  <si>
    <t>高校　土木</t>
    <rPh sb="0" eb="2">
      <t>コウコウ</t>
    </rPh>
    <rPh sb="3" eb="5">
      <t>ドボク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栄養教諭</t>
    <rPh sb="0" eb="2">
      <t>エイヨウ</t>
    </rPh>
    <rPh sb="2" eb="4">
      <t>キョウユ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特別選考　Ⅲ</t>
    <rPh sb="0" eb="2">
      <t>トクベツ</t>
    </rPh>
    <rPh sb="2" eb="4">
      <t>センコウ</t>
    </rPh>
    <phoneticPr fontId="1"/>
  </si>
  <si>
    <t>高校　水産【食品】</t>
    <rPh sb="0" eb="2">
      <t>コウコウ</t>
    </rPh>
    <rPh sb="3" eb="5">
      <t>スイサン</t>
    </rPh>
    <rPh sb="6" eb="8">
      <t>ショクヒン</t>
    </rPh>
    <phoneticPr fontId="1"/>
  </si>
  <si>
    <t>中高　美術</t>
    <rPh sb="0" eb="1">
      <t>チュウ</t>
    </rPh>
    <rPh sb="1" eb="2">
      <t>コウ</t>
    </rPh>
    <rPh sb="3" eb="5">
      <t>ビジュツ</t>
    </rPh>
    <phoneticPr fontId="1"/>
  </si>
  <si>
    <t>令和4年度</t>
    <rPh sb="0" eb="1">
      <t>レイ</t>
    </rPh>
    <rPh sb="1" eb="2">
      <t>ワ</t>
    </rPh>
    <rPh sb="3" eb="5">
      <t>ネンド</t>
    </rPh>
    <phoneticPr fontId="1"/>
  </si>
  <si>
    <t xml:space="preserve">問題・模範解答・配点  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r>
      <rPr>
        <b/>
        <sz val="16"/>
        <color rgb="FFFF0000"/>
        <rFont val="ＭＳ Ｐゴシック"/>
        <family val="3"/>
        <charset val="128"/>
      </rPr>
      <t>令和４年度</t>
    </r>
    <r>
      <rPr>
        <b/>
        <sz val="16"/>
        <rFont val="ＭＳ Ｐゴシック"/>
        <family val="3"/>
        <charset val="128"/>
      </rPr>
      <t>　大分県公立学校教員採用選考試験</t>
    </r>
    <r>
      <rPr>
        <b/>
        <sz val="16"/>
        <color rgb="FFFF0000"/>
        <rFont val="ＭＳ Ｐゴシック"/>
        <family val="3"/>
        <charset val="128"/>
      </rPr>
      <t>1次・３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19" eb="21">
      <t>シケン</t>
    </rPh>
    <rPh sb="22" eb="23">
      <t>ジ</t>
    </rPh>
    <rPh sb="25" eb="26">
      <t>ジ</t>
    </rPh>
    <phoneticPr fontId="1"/>
  </si>
  <si>
    <t>小論文枚数</t>
    <rPh sb="0" eb="3">
      <t>ショウロンブン</t>
    </rPh>
    <rPh sb="3" eb="5">
      <t>マイスウ</t>
    </rPh>
    <phoneticPr fontId="1"/>
  </si>
  <si>
    <t>評価基準枚数</t>
    <rPh sb="0" eb="2">
      <t>ヒョウカ</t>
    </rPh>
    <rPh sb="2" eb="4">
      <t>キジュン</t>
    </rPh>
    <rPh sb="4" eb="6">
      <t>マイスウ</t>
    </rPh>
    <phoneticPr fontId="1"/>
  </si>
  <si>
    <t>テーマ枚数</t>
    <rPh sb="3" eb="5">
      <t>マイスウ</t>
    </rPh>
    <phoneticPr fontId="1"/>
  </si>
  <si>
    <t>選考基準枚数</t>
    <rPh sb="0" eb="2">
      <t>センコウ</t>
    </rPh>
    <rPh sb="2" eb="4">
      <t>キジュン</t>
    </rPh>
    <rPh sb="4" eb="6">
      <t>マイスウ</t>
    </rPh>
    <phoneticPr fontId="1"/>
  </si>
  <si>
    <r>
      <t>　　</t>
    </r>
    <r>
      <rPr>
        <b/>
        <sz val="12"/>
        <color rgb="FFFF0000"/>
        <rFont val="ＭＳ Ｐゴシック"/>
        <family val="3"/>
        <charset val="128"/>
      </rPr>
      <t>令和４年度</t>
    </r>
    <r>
      <rPr>
        <b/>
        <sz val="12"/>
        <rFont val="ＭＳ Ｐゴシック"/>
        <family val="3"/>
        <charset val="128"/>
      </rPr>
      <t>　大分県公立学校教員採用選考試験</t>
    </r>
    <r>
      <rPr>
        <b/>
        <sz val="12"/>
        <color rgb="FFFF0000"/>
        <rFont val="ＭＳ Ｐゴシック"/>
        <family val="3"/>
        <charset val="128"/>
      </rPr>
      <t>２次</t>
    </r>
    <rPh sb="2" eb="4">
      <t>レイワ</t>
    </rPh>
    <rPh sb="5" eb="7">
      <t>ネンド</t>
    </rPh>
    <rPh sb="8" eb="11">
      <t>オオイタケン</t>
    </rPh>
    <rPh sb="11" eb="13">
      <t>コウリツ</t>
    </rPh>
    <rPh sb="13" eb="15">
      <t>ガッコウ</t>
    </rPh>
    <rPh sb="15" eb="17">
      <t>キョウイン</t>
    </rPh>
    <rPh sb="17" eb="19">
      <t>サイヨウ</t>
    </rPh>
    <rPh sb="19" eb="21">
      <t>センコウ</t>
    </rPh>
    <rPh sb="21" eb="23">
      <t>シケン</t>
    </rPh>
    <rPh sb="24" eb="25">
      <t>ジ</t>
    </rPh>
    <phoneticPr fontId="1"/>
  </si>
  <si>
    <t xml:space="preserve">2次実技試験　問題・評価基準  </t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英語</t>
    <rPh sb="0" eb="2">
      <t>エイゴ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音楽</t>
    <rPh sb="0" eb="2">
      <t>オンガク</t>
    </rPh>
    <phoneticPr fontId="1"/>
  </si>
  <si>
    <t>保健体育</t>
    <rPh sb="0" eb="2">
      <t>ホケン</t>
    </rPh>
    <rPh sb="2" eb="4">
      <t>タイイク</t>
    </rPh>
    <phoneticPr fontId="1"/>
  </si>
  <si>
    <t>中学校</t>
    <rPh sb="0" eb="3">
      <t>チュウガッコウ</t>
    </rPh>
    <phoneticPr fontId="1"/>
  </si>
  <si>
    <t>家庭</t>
    <rPh sb="0" eb="2">
      <t>カテイ</t>
    </rPh>
    <phoneticPr fontId="1"/>
  </si>
  <si>
    <t>美術</t>
    <rPh sb="0" eb="2">
      <t>ビジュツ</t>
    </rPh>
    <phoneticPr fontId="1"/>
  </si>
  <si>
    <t>高等学校</t>
    <rPh sb="0" eb="2">
      <t>コウトウ</t>
    </rPh>
    <rPh sb="2" eb="4">
      <t>ガッコウ</t>
    </rPh>
    <phoneticPr fontId="1"/>
  </si>
  <si>
    <t>書道</t>
    <rPh sb="0" eb="2">
      <t>ショドウ</t>
    </rPh>
    <phoneticPr fontId="1"/>
  </si>
  <si>
    <t>2次試験　模擬授業テーマ・口頭試問概要</t>
    <rPh sb="1" eb="2">
      <t>ジ</t>
    </rPh>
    <rPh sb="2" eb="4">
      <t>シケン</t>
    </rPh>
    <rPh sb="5" eb="7">
      <t>モギ</t>
    </rPh>
    <rPh sb="7" eb="9">
      <t>ジュギョウ</t>
    </rPh>
    <rPh sb="13" eb="15">
      <t>コウトウ</t>
    </rPh>
    <rPh sb="15" eb="17">
      <t>シモン</t>
    </rPh>
    <rPh sb="17" eb="19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口頭試問枚数</t>
    <rPh sb="0" eb="2">
      <t>コウトウ</t>
    </rPh>
    <rPh sb="2" eb="4">
      <t>シモン</t>
    </rPh>
    <rPh sb="4" eb="6">
      <t>マイス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理科</t>
    <rPh sb="0" eb="2">
      <t>リカ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世界史</t>
    <rPh sb="0" eb="3">
      <t>セカイシ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公民</t>
    <rPh sb="0" eb="2">
      <t>コウミン</t>
    </rPh>
    <phoneticPr fontId="1"/>
  </si>
  <si>
    <t>物理</t>
    <rPh sb="0" eb="2">
      <t>ブツリ</t>
    </rPh>
    <phoneticPr fontId="1"/>
  </si>
  <si>
    <t>化学</t>
    <rPh sb="0" eb="2">
      <t>カガク</t>
    </rPh>
    <phoneticPr fontId="1"/>
  </si>
  <si>
    <t>生物</t>
    <rPh sb="0" eb="2">
      <t>セイブツ</t>
    </rPh>
    <phoneticPr fontId="1"/>
  </si>
  <si>
    <t>農業</t>
    <rPh sb="0" eb="2">
      <t>ノウギョウ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土木</t>
    <rPh sb="0" eb="2">
      <t>ドボク</t>
    </rPh>
    <phoneticPr fontId="1"/>
  </si>
  <si>
    <t>建築</t>
    <rPh sb="0" eb="2">
      <t>ケンチク</t>
    </rPh>
    <phoneticPr fontId="1"/>
  </si>
  <si>
    <t>水産【食品】</t>
    <rPh sb="0" eb="2">
      <t>スイサン</t>
    </rPh>
    <rPh sb="3" eb="5">
      <t>ショクヒン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福祉</t>
    <rPh sb="0" eb="2">
      <t>フクシ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小学部</t>
    <rPh sb="0" eb="2">
      <t>ショウガク</t>
    </rPh>
    <rPh sb="2" eb="3">
      <t>ブ</t>
    </rPh>
    <phoneticPr fontId="1"/>
  </si>
  <si>
    <t>中学部</t>
    <rPh sb="0" eb="3">
      <t>チュウガクブ</t>
    </rPh>
    <phoneticPr fontId="1"/>
  </si>
  <si>
    <t>高等部</t>
    <rPh sb="0" eb="2">
      <t>コウトウ</t>
    </rPh>
    <rPh sb="2" eb="3">
      <t>ブ</t>
    </rPh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模擬授業及び口頭試問評価について・評価票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(教諭評価用)</t>
    <rPh sb="1" eb="3">
      <t>キョウユ</t>
    </rPh>
    <rPh sb="3" eb="5">
      <t>ヒョウカ</t>
    </rPh>
    <rPh sb="5" eb="6">
      <t>ヨウ</t>
    </rPh>
    <phoneticPr fontId="1"/>
  </si>
  <si>
    <t>場面指導及び口頭試問評価について・評価票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(養護教諭評価用)</t>
    <rPh sb="1" eb="3">
      <t>ヨウゴ</t>
    </rPh>
    <rPh sb="3" eb="5">
      <t>キョウユ</t>
    </rPh>
    <rPh sb="5" eb="7">
      <t>ヒョウカ</t>
    </rPh>
    <rPh sb="7" eb="8">
      <t>ヨウ</t>
    </rPh>
    <phoneticPr fontId="1"/>
  </si>
  <si>
    <t>○</t>
    <phoneticPr fontId="1"/>
  </si>
  <si>
    <t>　個人面接</t>
    <rPh sb="1" eb="3">
      <t>コジン</t>
    </rPh>
    <rPh sb="3" eb="5">
      <t>メンセツ</t>
    </rPh>
    <phoneticPr fontId="1"/>
  </si>
  <si>
    <t>必要な科目の枚数左横の空欄に○を入れてください</t>
    <rPh sb="8" eb="9">
      <t>ヒダリ</t>
    </rPh>
    <rPh sb="11" eb="13">
      <t>クウラン</t>
    </rPh>
    <phoneticPr fontId="1"/>
  </si>
  <si>
    <t>必要科目の枚数左横の空欄に○を入れてください</t>
    <rPh sb="7" eb="8">
      <t>ヒダリ</t>
    </rPh>
    <rPh sb="10" eb="12">
      <t>クウラン</t>
    </rPh>
    <phoneticPr fontId="1"/>
  </si>
  <si>
    <t>小中連携・中　   理科</t>
    <rPh sb="0" eb="2">
      <t>ショウチュウ</t>
    </rPh>
    <rPh sb="2" eb="4">
      <t>レンケイ</t>
    </rPh>
    <rPh sb="5" eb="6">
      <t>チュウ</t>
    </rPh>
    <rPh sb="10" eb="12">
      <t>リカ</t>
    </rPh>
    <phoneticPr fontId="1"/>
  </si>
  <si>
    <t>小中連携・中高　数学</t>
    <rPh sb="0" eb="2">
      <t>ショウチュウ</t>
    </rPh>
    <rPh sb="2" eb="4">
      <t>レンケイ</t>
    </rPh>
    <rPh sb="5" eb="7">
      <t>チュウコウ</t>
    </rPh>
    <rPh sb="8" eb="10">
      <t>スウガク</t>
    </rPh>
    <phoneticPr fontId="1"/>
  </si>
  <si>
    <t>小中連携・中高　英語</t>
    <rPh sb="0" eb="2">
      <t>ショウチュウ</t>
    </rPh>
    <rPh sb="2" eb="4">
      <t>レンケイ</t>
    </rPh>
    <rPh sb="5" eb="7">
      <t>チュウコウ</t>
    </rPh>
    <rPh sb="8" eb="10">
      <t>エイゴ</t>
    </rPh>
    <phoneticPr fontId="1"/>
  </si>
  <si>
    <t>小中連携・中高　音楽</t>
    <rPh sb="0" eb="2">
      <t>ショウチュウ</t>
    </rPh>
    <rPh sb="2" eb="4">
      <t>レンケイ</t>
    </rPh>
    <rPh sb="5" eb="7">
      <t>チュウコウ</t>
    </rPh>
    <rPh sb="8" eb="10">
      <t>オンガク</t>
    </rPh>
    <phoneticPr fontId="1"/>
  </si>
  <si>
    <t>小中連携・中高　保健体育</t>
    <rPh sb="0" eb="2">
      <t>ショウチュウ</t>
    </rPh>
    <rPh sb="2" eb="4">
      <t>レンケイ</t>
    </rPh>
    <rPh sb="5" eb="7">
      <t>チュウコウ</t>
    </rPh>
    <rPh sb="8" eb="10">
      <t>ホケン</t>
    </rPh>
    <rPh sb="10" eb="12">
      <t>タイイク</t>
    </rPh>
    <phoneticPr fontId="1"/>
  </si>
  <si>
    <t>小中連携・中高教諭</t>
    <rPh sb="0" eb="2">
      <t>ショウチュウ</t>
    </rPh>
    <rPh sb="2" eb="4">
      <t>レンケイ</t>
    </rPh>
    <rPh sb="5" eb="7">
      <t>チュウコウ</t>
    </rPh>
    <rPh sb="7" eb="9">
      <t>キョウ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9"/>
      <color rgb="FFFF0000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3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4" fillId="0" borderId="3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 vertical="center" shrinkToFit="1"/>
    </xf>
    <xf numFmtId="0" fontId="0" fillId="0" borderId="0" xfId="0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3" xfId="0" applyFont="1" applyBorder="1" applyAlignment="1" applyProtection="1">
      <alignment horizontal="center" vertical="center"/>
      <protection locked="0"/>
    </xf>
    <xf numFmtId="0" fontId="0" fillId="0" borderId="0" xfId="0" applyFont="1">
      <alignment vertical="center"/>
    </xf>
    <xf numFmtId="0" fontId="9" fillId="0" borderId="0" xfId="0" applyFont="1" applyFill="1" applyAlignment="1">
      <alignment vertical="center"/>
    </xf>
    <xf numFmtId="0" fontId="2" fillId="0" borderId="0" xfId="0" applyFont="1" applyFill="1" applyAlignment="1">
      <alignment vertical="center"/>
    </xf>
    <xf numFmtId="0" fontId="11" fillId="0" borderId="0" xfId="0" applyFont="1" applyFill="1">
      <alignment vertical="center"/>
    </xf>
    <xf numFmtId="0" fontId="4" fillId="0" borderId="0" xfId="0" applyFont="1" applyFill="1">
      <alignment vertical="center"/>
    </xf>
    <xf numFmtId="0" fontId="4" fillId="0" borderId="0" xfId="0" applyFont="1" applyFill="1" applyAlignment="1">
      <alignment horizontal="right" vertical="center"/>
    </xf>
    <xf numFmtId="0" fontId="4" fillId="0" borderId="8" xfId="0" applyFont="1" applyFill="1" applyBorder="1" applyAlignment="1">
      <alignment horizontal="center" vertical="center" wrapText="1"/>
    </xf>
    <xf numFmtId="0" fontId="6" fillId="0" borderId="16" xfId="0" applyNumberFormat="1" applyFont="1" applyFill="1" applyBorder="1" applyAlignment="1">
      <alignment horizontal="center" vertical="center"/>
    </xf>
    <xf numFmtId="0" fontId="6" fillId="0" borderId="18" xfId="0" applyFont="1" applyFill="1" applyBorder="1" applyAlignment="1">
      <alignment horizontal="center" vertical="center"/>
    </xf>
    <xf numFmtId="0" fontId="6" fillId="0" borderId="19" xfId="0" applyNumberFormat="1" applyFont="1" applyFill="1" applyBorder="1" applyAlignment="1">
      <alignment horizontal="center" vertical="center"/>
    </xf>
    <xf numFmtId="0" fontId="6" fillId="0" borderId="20" xfId="0" applyFont="1" applyFill="1" applyBorder="1" applyAlignment="1">
      <alignment horizontal="center" vertical="center"/>
    </xf>
    <xf numFmtId="0" fontId="6" fillId="0" borderId="21" xfId="0" applyFont="1" applyFill="1" applyBorder="1" applyAlignment="1">
      <alignment horizontal="center" vertical="center"/>
    </xf>
    <xf numFmtId="0" fontId="6" fillId="0" borderId="22" xfId="0" applyFont="1" applyFill="1" applyBorder="1" applyAlignment="1">
      <alignment horizontal="center" vertical="center"/>
    </xf>
    <xf numFmtId="0" fontId="6" fillId="0" borderId="25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26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27" xfId="0" applyFont="1" applyFill="1" applyBorder="1" applyAlignment="1">
      <alignment horizontal="center" vertical="center"/>
    </xf>
    <xf numFmtId="0" fontId="6" fillId="0" borderId="28" xfId="0" applyFont="1" applyFill="1" applyBorder="1" applyAlignment="1">
      <alignment horizontal="center" vertical="center"/>
    </xf>
    <xf numFmtId="0" fontId="6" fillId="0" borderId="29" xfId="0" applyFont="1" applyFill="1" applyBorder="1" applyAlignment="1">
      <alignment horizontal="center" vertical="center"/>
    </xf>
    <xf numFmtId="0" fontId="6" fillId="0" borderId="11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0" xfId="0" applyFont="1" applyFill="1">
      <alignment vertical="center"/>
    </xf>
    <xf numFmtId="0" fontId="12" fillId="0" borderId="0" xfId="0" applyFont="1" applyFill="1" applyAlignment="1">
      <alignment horizontal="center" vertical="center"/>
    </xf>
    <xf numFmtId="0" fontId="13" fillId="0" borderId="0" xfId="0" applyFont="1">
      <alignment vertical="center"/>
    </xf>
    <xf numFmtId="0" fontId="6" fillId="0" borderId="0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vertical="center"/>
    </xf>
    <xf numFmtId="0" fontId="6" fillId="0" borderId="33" xfId="0" applyFont="1" applyFill="1" applyBorder="1" applyAlignment="1">
      <alignment horizontal="left" vertical="center"/>
    </xf>
    <xf numFmtId="0" fontId="6" fillId="0" borderId="33" xfId="0" applyFont="1" applyFill="1" applyBorder="1" applyAlignment="1">
      <alignment horizontal="center" vertical="center"/>
    </xf>
    <xf numFmtId="0" fontId="6" fillId="0" borderId="33" xfId="0" applyFont="1" applyFill="1" applyBorder="1">
      <alignment vertical="center"/>
    </xf>
    <xf numFmtId="0" fontId="6" fillId="0" borderId="34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left" vertical="center"/>
    </xf>
    <xf numFmtId="0" fontId="14" fillId="0" borderId="0" xfId="0" applyFont="1" applyFill="1" applyBorder="1" applyAlignment="1">
      <alignment horizontal="right" vertical="center"/>
    </xf>
    <xf numFmtId="0" fontId="14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6" fillId="0" borderId="0" xfId="0" applyFont="1" applyAlignment="1">
      <alignment horizontal="left" vertical="center"/>
    </xf>
    <xf numFmtId="0" fontId="4" fillId="0" borderId="9" xfId="0" applyFont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23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33" xfId="0" applyFont="1" applyFill="1" applyBorder="1" applyAlignment="1">
      <alignment horizontal="center" vertical="center"/>
    </xf>
    <xf numFmtId="0" fontId="6" fillId="0" borderId="34" xfId="0" applyFont="1" applyFill="1" applyBorder="1" applyAlignment="1">
      <alignment horizontal="center" vertical="center"/>
    </xf>
    <xf numFmtId="0" fontId="6" fillId="0" borderId="30" xfId="0" applyFont="1" applyFill="1" applyBorder="1" applyAlignment="1">
      <alignment horizontal="center" vertical="center"/>
    </xf>
    <xf numFmtId="0" fontId="6" fillId="0" borderId="31" xfId="0" applyFont="1" applyFill="1" applyBorder="1" applyAlignment="1">
      <alignment horizontal="center" vertical="center"/>
    </xf>
    <xf numFmtId="0" fontId="6" fillId="0" borderId="32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26" xfId="0" applyFont="1" applyFill="1" applyBorder="1" applyAlignment="1">
      <alignment horizontal="left" vertical="center"/>
    </xf>
    <xf numFmtId="0" fontId="4" fillId="0" borderId="35" xfId="0" applyFont="1" applyFill="1" applyBorder="1" applyAlignment="1">
      <alignment horizontal="left" vertical="center"/>
    </xf>
    <xf numFmtId="0" fontId="4" fillId="0" borderId="26" xfId="0" applyFont="1" applyFill="1" applyBorder="1" applyAlignment="1">
      <alignment vertical="center"/>
    </xf>
    <xf numFmtId="0" fontId="4" fillId="0" borderId="36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25" xfId="0" applyFont="1" applyBorder="1" applyAlignment="1" applyProtection="1">
      <alignment horizontal="center" vertical="center"/>
      <protection locked="0"/>
    </xf>
    <xf numFmtId="0" fontId="4" fillId="0" borderId="37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31" xfId="0" applyFont="1" applyFill="1" applyBorder="1" applyAlignment="1">
      <alignment horizontal="left" vertical="center"/>
    </xf>
    <xf numFmtId="0" fontId="4" fillId="0" borderId="39" xfId="0" applyFont="1" applyFill="1" applyBorder="1" applyAlignment="1">
      <alignment horizontal="left" vertical="center"/>
    </xf>
    <xf numFmtId="0" fontId="4" fillId="0" borderId="31" xfId="0" applyFont="1" applyFill="1" applyBorder="1" applyAlignment="1">
      <alignment vertical="center"/>
    </xf>
    <xf numFmtId="0" fontId="4" fillId="0" borderId="40" xfId="0" applyFont="1" applyFill="1" applyBorder="1" applyAlignment="1">
      <alignment horizontal="left" vertical="center"/>
    </xf>
    <xf numFmtId="0" fontId="4" fillId="0" borderId="32" xfId="0" applyFont="1" applyFill="1" applyBorder="1" applyAlignment="1">
      <alignment horizontal="left" vertical="center"/>
    </xf>
    <xf numFmtId="0" fontId="4" fillId="0" borderId="1" xfId="0" applyFont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center" vertical="center"/>
    </xf>
    <xf numFmtId="0" fontId="6" fillId="0" borderId="35" xfId="0" applyFont="1" applyFill="1" applyBorder="1" applyAlignment="1">
      <alignment horizontal="center" vertical="center"/>
    </xf>
    <xf numFmtId="0" fontId="6" fillId="0" borderId="45" xfId="0" applyFont="1" applyFill="1" applyBorder="1" applyAlignment="1">
      <alignment horizontal="center" vertical="center"/>
    </xf>
    <xf numFmtId="0" fontId="6" fillId="0" borderId="36" xfId="0" applyFont="1" applyFill="1" applyBorder="1" applyAlignment="1" applyProtection="1">
      <alignment horizontal="center" vertical="center"/>
      <protection locked="0"/>
    </xf>
    <xf numFmtId="0" fontId="4" fillId="0" borderId="12" xfId="0" applyFont="1" applyFill="1" applyBorder="1" applyAlignment="1">
      <alignment horizontal="center" vertical="center"/>
    </xf>
    <xf numFmtId="0" fontId="6" fillId="0" borderId="47" xfId="0" applyFont="1" applyFill="1" applyBorder="1" applyAlignment="1">
      <alignment horizontal="center" vertical="center"/>
    </xf>
    <xf numFmtId="0" fontId="6" fillId="0" borderId="48" xfId="0" applyFont="1" applyFill="1" applyBorder="1" applyAlignment="1">
      <alignment horizontal="center" vertical="center"/>
    </xf>
    <xf numFmtId="0" fontId="6" fillId="0" borderId="46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0" borderId="49" xfId="0" applyFont="1" applyFill="1" applyBorder="1" applyAlignment="1">
      <alignment horizontal="center" vertical="center"/>
    </xf>
    <xf numFmtId="0" fontId="6" fillId="0" borderId="36" xfId="0" applyFont="1" applyFill="1" applyBorder="1" applyAlignment="1">
      <alignment horizontal="center" vertical="center"/>
    </xf>
    <xf numFmtId="0" fontId="6" fillId="0" borderId="40" xfId="0" applyFont="1" applyFill="1" applyBorder="1" applyAlignment="1">
      <alignment horizontal="center" vertical="center"/>
    </xf>
    <xf numFmtId="0" fontId="6" fillId="0" borderId="39" xfId="0" applyFont="1" applyFill="1" applyBorder="1" applyAlignment="1">
      <alignment horizontal="center" vertical="center"/>
    </xf>
    <xf numFmtId="0" fontId="12" fillId="0" borderId="33" xfId="0" applyFont="1" applyFill="1" applyBorder="1" applyAlignment="1">
      <alignment horizontal="center" vertical="center"/>
    </xf>
    <xf numFmtId="0" fontId="6" fillId="0" borderId="41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left" vertical="center"/>
    </xf>
    <xf numFmtId="0" fontId="6" fillId="0" borderId="19" xfId="0" applyFont="1" applyFill="1" applyBorder="1" applyAlignment="1" applyProtection="1">
      <alignment horizontal="center" vertical="center"/>
      <protection locked="0"/>
    </xf>
    <xf numFmtId="0" fontId="4" fillId="0" borderId="15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42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6" fillId="0" borderId="19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9" xfId="0" applyFont="1" applyFill="1" applyBorder="1" applyAlignment="1">
      <alignment horizontal="center" vertical="center"/>
    </xf>
    <xf numFmtId="0" fontId="9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center" vertical="center"/>
    </xf>
    <xf numFmtId="0" fontId="6" fillId="0" borderId="19" xfId="0" applyNumberFormat="1" applyFont="1" applyFill="1" applyBorder="1" applyAlignment="1">
      <alignment horizontal="center" vertical="center"/>
    </xf>
    <xf numFmtId="0" fontId="6" fillId="0" borderId="9" xfId="0" applyNumberFormat="1" applyFont="1" applyFill="1" applyBorder="1" applyAlignment="1">
      <alignment horizontal="center" vertical="center"/>
    </xf>
    <xf numFmtId="0" fontId="6" fillId="0" borderId="23" xfId="0" applyFont="1" applyFill="1" applyBorder="1" applyAlignment="1">
      <alignment horizontal="center" vertical="center"/>
    </xf>
    <xf numFmtId="0" fontId="6" fillId="0" borderId="29" xfId="0" applyFont="1" applyFill="1" applyBorder="1" applyAlignment="1">
      <alignment horizontal="center" vertical="center"/>
    </xf>
    <xf numFmtId="0" fontId="6" fillId="0" borderId="24" xfId="0" applyFont="1" applyFill="1" applyBorder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34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33" xfId="0" applyFont="1" applyFill="1" applyBorder="1" applyAlignment="1">
      <alignment horizontal="center" vertical="center"/>
    </xf>
    <xf numFmtId="0" fontId="6" fillId="0" borderId="30" xfId="0" applyFont="1" applyFill="1" applyBorder="1" applyAlignment="1">
      <alignment horizontal="center" vertical="center"/>
    </xf>
    <xf numFmtId="0" fontId="6" fillId="0" borderId="31" xfId="0" applyFont="1" applyFill="1" applyBorder="1" applyAlignment="1">
      <alignment horizontal="center" vertical="center"/>
    </xf>
    <xf numFmtId="0" fontId="6" fillId="0" borderId="32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9"/>
  <sheetViews>
    <sheetView tabSelected="1" zoomScale="115" zoomScaleNormal="115" workbookViewId="0">
      <selection activeCell="L15" sqref="L15"/>
    </sheetView>
  </sheetViews>
  <sheetFormatPr defaultRowHeight="13.5" x14ac:dyDescent="0.15"/>
  <cols>
    <col min="1" max="1" width="14.25" customWidth="1"/>
    <col min="2" max="2" width="17.625" customWidth="1"/>
    <col min="3" max="3" width="3.125" customWidth="1"/>
    <col min="4" max="4" width="21" customWidth="1"/>
    <col min="5" max="5" width="3.125" bestFit="1" customWidth="1"/>
    <col min="6" max="6" width="13.375" customWidth="1"/>
    <col min="7" max="7" width="3.125" bestFit="1" customWidth="1"/>
    <col min="8" max="8" width="13.125" customWidth="1"/>
  </cols>
  <sheetData>
    <row r="1" spans="1:8" ht="21" customHeight="1" x14ac:dyDescent="0.15">
      <c r="A1" s="124" t="s">
        <v>41</v>
      </c>
      <c r="B1" s="124"/>
      <c r="C1" s="124"/>
      <c r="D1" s="124"/>
      <c r="E1" s="124"/>
      <c r="F1" s="124"/>
      <c r="G1" s="124"/>
      <c r="H1" s="124"/>
    </row>
    <row r="2" spans="1:8" ht="21" customHeight="1" x14ac:dyDescent="0.15">
      <c r="A2" s="123" t="s">
        <v>94</v>
      </c>
      <c r="B2" s="123"/>
      <c r="C2" s="123"/>
      <c r="D2" s="123"/>
      <c r="E2" s="123"/>
      <c r="F2" s="123"/>
      <c r="G2" s="123"/>
      <c r="H2" s="123"/>
    </row>
    <row r="3" spans="1:8" ht="12.75" customHeight="1" x14ac:dyDescent="0.15">
      <c r="B3" s="122"/>
      <c r="C3" s="122"/>
      <c r="D3" s="122"/>
      <c r="E3" s="122"/>
      <c r="F3" s="122"/>
      <c r="G3" s="70"/>
      <c r="H3" s="22"/>
    </row>
    <row r="4" spans="1:8" s="1" customFormat="1" ht="17.100000000000001" customHeight="1" thickBot="1" x14ac:dyDescent="0.2">
      <c r="A4" s="17" t="s">
        <v>23</v>
      </c>
      <c r="B4" s="17" t="s">
        <v>40</v>
      </c>
      <c r="C4" s="17"/>
    </row>
    <row r="5" spans="1:8" s="1" customFormat="1" ht="17.100000000000001" customHeight="1" thickBot="1" x14ac:dyDescent="0.2">
      <c r="B5" s="125" t="s">
        <v>0</v>
      </c>
      <c r="C5" s="126"/>
      <c r="D5" s="132"/>
      <c r="E5" s="4" t="s">
        <v>92</v>
      </c>
      <c r="F5" s="5" t="s">
        <v>4</v>
      </c>
      <c r="G5" s="81" t="s">
        <v>92</v>
      </c>
      <c r="H5" s="5" t="s">
        <v>6</v>
      </c>
    </row>
    <row r="6" spans="1:8" s="1" customFormat="1" ht="17.100000000000001" customHeight="1" thickBot="1" x14ac:dyDescent="0.2">
      <c r="B6" s="125" t="s">
        <v>7</v>
      </c>
      <c r="C6" s="126"/>
      <c r="D6" s="126"/>
      <c r="E6" s="96"/>
      <c r="F6" s="27">
        <v>18</v>
      </c>
      <c r="G6" s="87"/>
      <c r="H6" s="16">
        <v>1</v>
      </c>
    </row>
    <row r="7" spans="1:8" s="1" customFormat="1" ht="17.100000000000001" customHeight="1" thickBot="1" x14ac:dyDescent="0.2">
      <c r="B7" s="125" t="s">
        <v>1</v>
      </c>
      <c r="C7" s="126"/>
      <c r="D7" s="126"/>
      <c r="E7" s="4"/>
      <c r="F7" s="5">
        <v>19</v>
      </c>
      <c r="G7" s="81"/>
      <c r="H7" s="5">
        <v>1</v>
      </c>
    </row>
    <row r="8" spans="1:8" s="1" customFormat="1" ht="17.100000000000001" customHeight="1" x14ac:dyDescent="0.15">
      <c r="B8" s="120" t="s">
        <v>19</v>
      </c>
      <c r="C8" s="128"/>
      <c r="D8" s="82" t="s">
        <v>96</v>
      </c>
      <c r="E8" s="97"/>
      <c r="F8" s="7">
        <v>13</v>
      </c>
      <c r="G8" s="88"/>
      <c r="H8" s="92">
        <v>1</v>
      </c>
    </row>
    <row r="9" spans="1:8" s="1" customFormat="1" ht="17.100000000000001" customHeight="1" x14ac:dyDescent="0.15">
      <c r="B9" s="129"/>
      <c r="C9" s="130"/>
      <c r="D9" s="82" t="s">
        <v>97</v>
      </c>
      <c r="E9" s="98"/>
      <c r="F9" s="6">
        <v>5</v>
      </c>
      <c r="G9" s="88"/>
      <c r="H9" s="92">
        <v>1</v>
      </c>
    </row>
    <row r="10" spans="1:8" s="1" customFormat="1" ht="17.100000000000001" customHeight="1" x14ac:dyDescent="0.15">
      <c r="B10" s="129"/>
      <c r="C10" s="130"/>
      <c r="D10" s="82" t="s">
        <v>98</v>
      </c>
      <c r="E10" s="97"/>
      <c r="F10" s="7">
        <v>10</v>
      </c>
      <c r="G10" s="88"/>
      <c r="H10" s="92">
        <v>1</v>
      </c>
    </row>
    <row r="11" spans="1:8" s="1" customFormat="1" ht="17.100000000000001" customHeight="1" x14ac:dyDescent="0.15">
      <c r="B11" s="129"/>
      <c r="C11" s="130"/>
      <c r="D11" s="82" t="s">
        <v>99</v>
      </c>
      <c r="E11" s="97"/>
      <c r="F11" s="7">
        <v>9</v>
      </c>
      <c r="G11" s="88"/>
      <c r="H11" s="92">
        <v>1</v>
      </c>
    </row>
    <row r="12" spans="1:8" s="1" customFormat="1" ht="17.100000000000001" customHeight="1" x14ac:dyDescent="0.15">
      <c r="B12" s="129"/>
      <c r="C12" s="130"/>
      <c r="D12" s="82" t="s">
        <v>100</v>
      </c>
      <c r="E12" s="97"/>
      <c r="F12" s="7">
        <v>14</v>
      </c>
      <c r="G12" s="88"/>
      <c r="H12" s="92">
        <v>1</v>
      </c>
    </row>
    <row r="13" spans="1:8" s="1" customFormat="1" ht="17.100000000000001" customHeight="1" x14ac:dyDescent="0.15">
      <c r="B13" s="129"/>
      <c r="C13" s="130"/>
      <c r="D13" s="83" t="s">
        <v>8</v>
      </c>
      <c r="E13" s="98"/>
      <c r="F13" s="6">
        <v>16</v>
      </c>
      <c r="G13" s="88"/>
      <c r="H13" s="92">
        <v>1</v>
      </c>
    </row>
    <row r="14" spans="1:8" s="1" customFormat="1" ht="17.100000000000001" customHeight="1" x14ac:dyDescent="0.15">
      <c r="B14" s="129"/>
      <c r="C14" s="130"/>
      <c r="D14" s="82" t="s">
        <v>9</v>
      </c>
      <c r="E14" s="98"/>
      <c r="F14" s="6">
        <v>19</v>
      </c>
      <c r="G14" s="88"/>
      <c r="H14" s="92">
        <v>1</v>
      </c>
    </row>
    <row r="15" spans="1:8" s="1" customFormat="1" ht="17.100000000000001" customHeight="1" x14ac:dyDescent="0.15">
      <c r="B15" s="129"/>
      <c r="C15" s="130"/>
      <c r="D15" s="82" t="s">
        <v>38</v>
      </c>
      <c r="E15" s="97"/>
      <c r="F15" s="7">
        <v>13</v>
      </c>
      <c r="G15" s="88"/>
      <c r="H15" s="92">
        <v>1</v>
      </c>
    </row>
    <row r="16" spans="1:8" s="1" customFormat="1" ht="17.100000000000001" customHeight="1" x14ac:dyDescent="0.15">
      <c r="B16" s="129"/>
      <c r="C16" s="130"/>
      <c r="D16" s="82" t="s">
        <v>28</v>
      </c>
      <c r="E16" s="97"/>
      <c r="F16" s="7">
        <v>15</v>
      </c>
      <c r="G16" s="88"/>
      <c r="H16" s="92">
        <v>1</v>
      </c>
    </row>
    <row r="17" spans="2:8" s="1" customFormat="1" ht="17.100000000000001" customHeight="1" x14ac:dyDescent="0.15">
      <c r="B17" s="129"/>
      <c r="C17" s="130"/>
      <c r="D17" s="82" t="s">
        <v>10</v>
      </c>
      <c r="E17" s="97"/>
      <c r="F17" s="7">
        <v>10</v>
      </c>
      <c r="G17" s="88"/>
      <c r="H17" s="92">
        <v>1</v>
      </c>
    </row>
    <row r="18" spans="2:8" s="1" customFormat="1" ht="17.100000000000001" customHeight="1" x14ac:dyDescent="0.15">
      <c r="B18" s="129"/>
      <c r="C18" s="130"/>
      <c r="D18" s="82" t="s">
        <v>11</v>
      </c>
      <c r="E18" s="97"/>
      <c r="F18" s="7">
        <v>17</v>
      </c>
      <c r="G18" s="88"/>
      <c r="H18" s="92">
        <v>1</v>
      </c>
    </row>
    <row r="19" spans="2:8" s="1" customFormat="1" ht="17.100000000000001" customHeight="1" x14ac:dyDescent="0.15">
      <c r="B19" s="129"/>
      <c r="C19" s="130"/>
      <c r="D19" s="82" t="s">
        <v>12</v>
      </c>
      <c r="E19" s="97"/>
      <c r="F19" s="7">
        <v>17</v>
      </c>
      <c r="G19" s="88"/>
      <c r="H19" s="92">
        <v>1</v>
      </c>
    </row>
    <row r="20" spans="2:8" s="1" customFormat="1" ht="17.100000000000001" customHeight="1" x14ac:dyDescent="0.15">
      <c r="B20" s="129"/>
      <c r="C20" s="130"/>
      <c r="D20" s="84" t="s">
        <v>25</v>
      </c>
      <c r="E20" s="99"/>
      <c r="F20" s="7">
        <v>15</v>
      </c>
      <c r="G20" s="88"/>
      <c r="H20" s="92">
        <v>1</v>
      </c>
    </row>
    <row r="21" spans="2:8" s="1" customFormat="1" ht="17.100000000000001" customHeight="1" x14ac:dyDescent="0.15">
      <c r="B21" s="129"/>
      <c r="C21" s="130"/>
      <c r="D21" s="82" t="s">
        <v>20</v>
      </c>
      <c r="E21" s="97"/>
      <c r="F21" s="7">
        <v>7</v>
      </c>
      <c r="G21" s="88"/>
      <c r="H21" s="92">
        <v>1</v>
      </c>
    </row>
    <row r="22" spans="2:8" s="1" customFormat="1" ht="17.100000000000001" customHeight="1" x14ac:dyDescent="0.15">
      <c r="B22" s="129"/>
      <c r="C22" s="130"/>
      <c r="D22" s="82" t="s">
        <v>13</v>
      </c>
      <c r="E22" s="97"/>
      <c r="F22" s="7">
        <v>10</v>
      </c>
      <c r="G22" s="88"/>
      <c r="H22" s="92">
        <v>1</v>
      </c>
    </row>
    <row r="23" spans="2:8" s="1" customFormat="1" ht="17.100000000000001" customHeight="1" x14ac:dyDescent="0.15">
      <c r="B23" s="129"/>
      <c r="C23" s="130"/>
      <c r="D23" s="82" t="s">
        <v>14</v>
      </c>
      <c r="E23" s="97"/>
      <c r="F23" s="7">
        <v>15</v>
      </c>
      <c r="G23" s="88"/>
      <c r="H23" s="92">
        <v>1</v>
      </c>
    </row>
    <row r="24" spans="2:8" s="1" customFormat="1" ht="17.100000000000001" customHeight="1" x14ac:dyDescent="0.15">
      <c r="B24" s="129"/>
      <c r="C24" s="130"/>
      <c r="D24" s="82" t="s">
        <v>31</v>
      </c>
      <c r="E24" s="97"/>
      <c r="F24" s="7">
        <v>11</v>
      </c>
      <c r="G24" s="88"/>
      <c r="H24" s="92">
        <v>1</v>
      </c>
    </row>
    <row r="25" spans="2:8" s="1" customFormat="1" ht="17.100000000000001" customHeight="1" x14ac:dyDescent="0.15">
      <c r="B25" s="129"/>
      <c r="C25" s="130"/>
      <c r="D25" s="82" t="s">
        <v>15</v>
      </c>
      <c r="E25" s="97"/>
      <c r="F25" s="7">
        <v>9</v>
      </c>
      <c r="G25" s="88"/>
      <c r="H25" s="92">
        <v>1</v>
      </c>
    </row>
    <row r="26" spans="2:8" s="1" customFormat="1" ht="17.100000000000001" customHeight="1" x14ac:dyDescent="0.15">
      <c r="B26" s="129"/>
      <c r="C26" s="130"/>
      <c r="D26" s="82" t="s">
        <v>16</v>
      </c>
      <c r="E26" s="97"/>
      <c r="F26" s="7">
        <v>11</v>
      </c>
      <c r="G26" s="88"/>
      <c r="H26" s="92">
        <v>1</v>
      </c>
    </row>
    <row r="27" spans="2:8" s="1" customFormat="1" ht="17.100000000000001" customHeight="1" x14ac:dyDescent="0.15">
      <c r="B27" s="129"/>
      <c r="C27" s="130"/>
      <c r="D27" s="82" t="s">
        <v>17</v>
      </c>
      <c r="E27" s="97"/>
      <c r="F27" s="7">
        <v>7</v>
      </c>
      <c r="G27" s="88"/>
      <c r="H27" s="92">
        <v>1</v>
      </c>
    </row>
    <row r="28" spans="2:8" s="1" customFormat="1" ht="17.100000000000001" customHeight="1" x14ac:dyDescent="0.15">
      <c r="B28" s="129"/>
      <c r="C28" s="130"/>
      <c r="D28" s="82" t="s">
        <v>30</v>
      </c>
      <c r="E28" s="97"/>
      <c r="F28" s="7">
        <v>10</v>
      </c>
      <c r="G28" s="89"/>
      <c r="H28" s="7">
        <v>1</v>
      </c>
    </row>
    <row r="29" spans="2:8" s="1" customFormat="1" ht="17.100000000000001" customHeight="1" x14ac:dyDescent="0.15">
      <c r="B29" s="129"/>
      <c r="C29" s="130"/>
      <c r="D29" s="82" t="s">
        <v>32</v>
      </c>
      <c r="E29" s="97"/>
      <c r="F29" s="7">
        <v>8</v>
      </c>
      <c r="G29" s="90"/>
      <c r="H29" s="93">
        <v>1</v>
      </c>
    </row>
    <row r="30" spans="2:8" s="1" customFormat="1" ht="17.100000000000001" customHeight="1" x14ac:dyDescent="0.15">
      <c r="B30" s="129"/>
      <c r="C30" s="130"/>
      <c r="D30" s="82" t="s">
        <v>37</v>
      </c>
      <c r="E30" s="97"/>
      <c r="F30" s="7">
        <v>8</v>
      </c>
      <c r="G30" s="88"/>
      <c r="H30" s="92">
        <v>1</v>
      </c>
    </row>
    <row r="31" spans="2:8" s="1" customFormat="1" ht="17.100000000000001" customHeight="1" x14ac:dyDescent="0.15">
      <c r="B31" s="129"/>
      <c r="C31" s="130"/>
      <c r="D31" s="82" t="s">
        <v>18</v>
      </c>
      <c r="E31" s="97"/>
      <c r="F31" s="7">
        <v>16</v>
      </c>
      <c r="G31" s="88"/>
      <c r="H31" s="92">
        <v>1</v>
      </c>
    </row>
    <row r="32" spans="2:8" s="1" customFormat="1" ht="17.100000000000001" customHeight="1" x14ac:dyDescent="0.15">
      <c r="B32" s="129"/>
      <c r="C32" s="130"/>
      <c r="D32" s="82" t="s">
        <v>27</v>
      </c>
      <c r="E32" s="97"/>
      <c r="F32" s="7">
        <v>11</v>
      </c>
      <c r="G32" s="88"/>
      <c r="H32" s="92">
        <v>1</v>
      </c>
    </row>
    <row r="33" spans="1:11" s="1" customFormat="1" ht="17.100000000000001" customHeight="1" x14ac:dyDescent="0.15">
      <c r="B33" s="129"/>
      <c r="C33" s="130"/>
      <c r="D33" s="82" t="s">
        <v>26</v>
      </c>
      <c r="E33" s="97"/>
      <c r="F33" s="7">
        <v>9</v>
      </c>
      <c r="G33" s="88"/>
      <c r="H33" s="92">
        <v>1</v>
      </c>
    </row>
    <row r="34" spans="1:11" s="1" customFormat="1" ht="17.100000000000001" customHeight="1" x14ac:dyDescent="0.15">
      <c r="B34" s="129"/>
      <c r="C34" s="130"/>
      <c r="D34" s="82" t="s">
        <v>3</v>
      </c>
      <c r="E34" s="97"/>
      <c r="F34" s="7">
        <v>9</v>
      </c>
      <c r="G34" s="88"/>
      <c r="H34" s="92">
        <v>1</v>
      </c>
    </row>
    <row r="35" spans="1:11" s="1" customFormat="1" ht="17.100000000000001" customHeight="1" x14ac:dyDescent="0.15">
      <c r="B35" s="129"/>
      <c r="C35" s="130"/>
      <c r="D35" s="85" t="s">
        <v>2</v>
      </c>
      <c r="E35" s="100"/>
      <c r="F35" s="18">
        <v>15</v>
      </c>
      <c r="G35" s="12"/>
      <c r="H35" s="94">
        <v>1</v>
      </c>
    </row>
    <row r="36" spans="1:11" s="1" customFormat="1" ht="17.100000000000001" customHeight="1" thickBot="1" x14ac:dyDescent="0.2">
      <c r="B36" s="121"/>
      <c r="C36" s="131"/>
      <c r="D36" s="86" t="s">
        <v>33</v>
      </c>
      <c r="E36" s="101"/>
      <c r="F36" s="8">
        <v>16</v>
      </c>
      <c r="G36" s="91"/>
      <c r="H36" s="95">
        <v>1</v>
      </c>
    </row>
    <row r="37" spans="1:11" s="1" customFormat="1" ht="17.100000000000001" customHeight="1" x14ac:dyDescent="0.15">
      <c r="B37" s="2"/>
      <c r="C37" s="2"/>
      <c r="D37" s="9"/>
      <c r="E37" s="9"/>
      <c r="F37" s="10"/>
      <c r="G37" s="10"/>
      <c r="H37" s="10"/>
    </row>
    <row r="38" spans="1:11" s="1" customFormat="1" ht="15" customHeight="1" thickBot="1" x14ac:dyDescent="0.2">
      <c r="A38" s="23" t="s">
        <v>23</v>
      </c>
      <c r="B38" s="24" t="s">
        <v>34</v>
      </c>
      <c r="C38" s="24"/>
      <c r="D38" s="2"/>
      <c r="E38" s="2"/>
      <c r="F38" s="2"/>
      <c r="G38" s="2"/>
      <c r="H38" s="2"/>
    </row>
    <row r="39" spans="1:11" s="1" customFormat="1" ht="17.25" customHeight="1" thickBot="1" x14ac:dyDescent="0.2">
      <c r="A39" s="11"/>
      <c r="B39" s="125" t="s">
        <v>35</v>
      </c>
      <c r="C39" s="127"/>
      <c r="D39" s="81" t="s">
        <v>42</v>
      </c>
      <c r="E39" s="4"/>
      <c r="F39" s="5">
        <v>2</v>
      </c>
      <c r="G39" s="2"/>
      <c r="H39" s="10"/>
    </row>
    <row r="40" spans="1:11" s="1" customFormat="1" ht="9" customHeight="1" x14ac:dyDescent="0.15"/>
    <row r="41" spans="1:11" s="1" customFormat="1" ht="12.95" customHeight="1" thickBot="1" x14ac:dyDescent="0.2">
      <c r="A41" s="25" t="s">
        <v>24</v>
      </c>
      <c r="B41" s="26" t="s">
        <v>5</v>
      </c>
      <c r="C41" s="26"/>
      <c r="D41" s="2"/>
      <c r="E41" s="2"/>
      <c r="F41" s="2"/>
      <c r="G41" s="2"/>
      <c r="H41" s="3"/>
    </row>
    <row r="42" spans="1:11" s="1" customFormat="1" ht="17.25" customHeight="1" thickBot="1" x14ac:dyDescent="0.2">
      <c r="B42" s="125" t="s">
        <v>93</v>
      </c>
      <c r="C42" s="127"/>
      <c r="D42" s="19" t="s">
        <v>43</v>
      </c>
      <c r="E42" s="103"/>
      <c r="F42" s="5">
        <v>2</v>
      </c>
      <c r="G42" s="2"/>
      <c r="H42" s="14"/>
    </row>
    <row r="43" spans="1:11" s="1" customFormat="1" ht="12.95" customHeight="1" thickBot="1" x14ac:dyDescent="0.2">
      <c r="B43" s="9"/>
      <c r="C43" s="9"/>
      <c r="D43" s="9"/>
      <c r="E43" s="9"/>
      <c r="F43" s="2"/>
      <c r="G43" s="2"/>
      <c r="H43" s="12"/>
    </row>
    <row r="44" spans="1:11" s="1" customFormat="1" ht="12.95" customHeight="1" thickBot="1" x14ac:dyDescent="0.2">
      <c r="B44" s="15" t="s">
        <v>36</v>
      </c>
      <c r="C44" s="125" t="s">
        <v>44</v>
      </c>
      <c r="D44" s="132"/>
      <c r="E44" s="133" t="s">
        <v>43</v>
      </c>
      <c r="F44" s="134"/>
      <c r="G44" s="12"/>
    </row>
    <row r="45" spans="1:11" s="1" customFormat="1" ht="17.25" customHeight="1" thickBot="1" x14ac:dyDescent="0.2">
      <c r="B45" s="21" t="s">
        <v>29</v>
      </c>
      <c r="C45" s="102"/>
      <c r="D45" s="81">
        <v>1</v>
      </c>
      <c r="E45" s="4"/>
      <c r="F45" s="20">
        <v>2</v>
      </c>
      <c r="G45" s="12"/>
      <c r="H45" s="14"/>
    </row>
    <row r="46" spans="1:11" s="1" customFormat="1" ht="9" customHeight="1" x14ac:dyDescent="0.15">
      <c r="I46" s="2"/>
      <c r="J46" s="12"/>
      <c r="K46" s="14"/>
    </row>
    <row r="47" spans="1:11" s="1" customFormat="1" ht="12.95" customHeight="1" thickBot="1" x14ac:dyDescent="0.2">
      <c r="A47" s="17" t="s">
        <v>39</v>
      </c>
      <c r="B47" s="24" t="s">
        <v>21</v>
      </c>
      <c r="C47" s="24"/>
      <c r="D47" s="9"/>
      <c r="E47" s="9"/>
      <c r="F47" s="2"/>
      <c r="G47" s="2"/>
      <c r="H47" s="14"/>
    </row>
    <row r="48" spans="1:11" s="1" customFormat="1" ht="12.95" customHeight="1" thickBot="1" x14ac:dyDescent="0.2">
      <c r="B48" s="120" t="s">
        <v>22</v>
      </c>
      <c r="C48" s="125" t="s">
        <v>45</v>
      </c>
      <c r="D48" s="132"/>
      <c r="E48" s="2"/>
      <c r="H48" s="14"/>
    </row>
    <row r="49" spans="2:8" s="1" customFormat="1" ht="17.25" customHeight="1" thickBot="1" x14ac:dyDescent="0.2">
      <c r="B49" s="121"/>
      <c r="C49" s="71"/>
      <c r="D49" s="13">
        <v>2</v>
      </c>
      <c r="E49" s="2"/>
      <c r="H49" s="14"/>
    </row>
  </sheetData>
  <mergeCells count="13">
    <mergeCell ref="B48:B49"/>
    <mergeCell ref="B3:F3"/>
    <mergeCell ref="A2:H2"/>
    <mergeCell ref="A1:H1"/>
    <mergeCell ref="B6:D6"/>
    <mergeCell ref="B7:D7"/>
    <mergeCell ref="B39:C39"/>
    <mergeCell ref="B42:C42"/>
    <mergeCell ref="B8:C36"/>
    <mergeCell ref="B5:D5"/>
    <mergeCell ref="C44:D44"/>
    <mergeCell ref="E44:F44"/>
    <mergeCell ref="C48:D48"/>
  </mergeCells>
  <phoneticPr fontId="1"/>
  <pageMargins left="0.70866141732283472" right="0.51181102362204722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0"/>
  <sheetViews>
    <sheetView zoomScale="115" zoomScaleNormal="115" workbookViewId="0">
      <selection activeCell="H12" sqref="H12"/>
    </sheetView>
  </sheetViews>
  <sheetFormatPr defaultRowHeight="13.5" x14ac:dyDescent="0.15"/>
  <cols>
    <col min="1" max="1" width="18.25" style="28" customWidth="1"/>
    <col min="2" max="2" width="16.125" style="28" customWidth="1"/>
    <col min="3" max="3" width="3.125" style="28" bestFit="1" customWidth="1"/>
    <col min="4" max="4" width="24.375" style="28" customWidth="1"/>
    <col min="5" max="5" width="3.125" style="28" bestFit="1" customWidth="1"/>
    <col min="6" max="6" width="24.375" style="28" bestFit="1" customWidth="1"/>
    <col min="7" max="16384" width="9" style="28"/>
  </cols>
  <sheetData>
    <row r="1" spans="1:9" ht="17.25" customHeight="1" x14ac:dyDescent="0.15">
      <c r="A1" s="138" t="s">
        <v>46</v>
      </c>
      <c r="B1" s="138"/>
      <c r="C1" s="138"/>
      <c r="D1" s="138"/>
      <c r="E1" s="138"/>
      <c r="F1" s="138"/>
    </row>
    <row r="2" spans="1:9" ht="17.25" customHeight="1" x14ac:dyDescent="0.15">
      <c r="A2" s="139" t="s">
        <v>95</v>
      </c>
      <c r="B2" s="139"/>
      <c r="C2" s="139"/>
      <c r="D2" s="139"/>
      <c r="E2" s="139"/>
      <c r="F2" s="139"/>
    </row>
    <row r="3" spans="1:9" ht="10.5" customHeight="1" x14ac:dyDescent="0.15">
      <c r="A3" s="29"/>
      <c r="B3" s="30"/>
      <c r="C3" s="30"/>
      <c r="D3" s="30"/>
      <c r="E3" s="30"/>
      <c r="F3" s="30"/>
    </row>
    <row r="4" spans="1:9" s="1" customFormat="1" ht="12.6" customHeight="1" thickBot="1" x14ac:dyDescent="0.2">
      <c r="A4" s="31" t="s">
        <v>47</v>
      </c>
      <c r="B4" s="32"/>
      <c r="C4" s="32"/>
      <c r="D4" s="32"/>
      <c r="E4" s="32"/>
      <c r="F4" s="33"/>
    </row>
    <row r="5" spans="1:9" s="11" customFormat="1" ht="12.6" customHeight="1" thickBot="1" x14ac:dyDescent="0.2">
      <c r="A5" s="133" t="s">
        <v>0</v>
      </c>
      <c r="B5" s="134"/>
      <c r="C5" s="103" t="s">
        <v>92</v>
      </c>
      <c r="D5" s="19" t="s">
        <v>4</v>
      </c>
      <c r="E5" s="107" t="s">
        <v>92</v>
      </c>
      <c r="F5" s="34" t="s">
        <v>48</v>
      </c>
    </row>
    <row r="6" spans="1:9" s="1" customFormat="1" ht="12.6" customHeight="1" thickBot="1" x14ac:dyDescent="0.2">
      <c r="A6" s="35" t="s">
        <v>1</v>
      </c>
      <c r="B6" s="113" t="s">
        <v>49</v>
      </c>
      <c r="C6" s="114"/>
      <c r="D6" s="106">
        <v>1</v>
      </c>
      <c r="E6" s="119"/>
      <c r="F6" s="36">
        <v>1</v>
      </c>
    </row>
    <row r="7" spans="1:9" s="1" customFormat="1" ht="12.6" customHeight="1" thickBot="1" x14ac:dyDescent="0.2">
      <c r="A7" s="37" t="s">
        <v>50</v>
      </c>
      <c r="B7" s="38" t="s">
        <v>49</v>
      </c>
      <c r="C7" s="75"/>
      <c r="D7" s="38">
        <v>1</v>
      </c>
      <c r="E7" s="56"/>
      <c r="F7" s="39">
        <v>1</v>
      </c>
    </row>
    <row r="8" spans="1:9" s="1" customFormat="1" ht="12.6" customHeight="1" x14ac:dyDescent="0.15">
      <c r="A8" s="140" t="s">
        <v>101</v>
      </c>
      <c r="B8" s="38" t="s">
        <v>51</v>
      </c>
      <c r="C8" s="75"/>
      <c r="D8" s="38">
        <v>1</v>
      </c>
      <c r="E8" s="75"/>
      <c r="F8" s="40">
        <v>1</v>
      </c>
      <c r="I8" s="3"/>
    </row>
    <row r="9" spans="1:9" s="1" customFormat="1" ht="12.6" customHeight="1" thickBot="1" x14ac:dyDescent="0.2">
      <c r="A9" s="141"/>
      <c r="B9" s="73" t="s">
        <v>52</v>
      </c>
      <c r="C9" s="110"/>
      <c r="D9" s="142">
        <v>1</v>
      </c>
      <c r="E9" s="143"/>
      <c r="F9" s="144"/>
      <c r="I9" s="3"/>
    </row>
    <row r="10" spans="1:9" s="1" customFormat="1" ht="12.6" customHeight="1" x14ac:dyDescent="0.15">
      <c r="A10" s="135" t="s">
        <v>53</v>
      </c>
      <c r="B10" s="41" t="s">
        <v>49</v>
      </c>
      <c r="C10" s="108"/>
      <c r="D10" s="41">
        <v>3</v>
      </c>
      <c r="E10" s="108"/>
      <c r="F10" s="42">
        <v>1</v>
      </c>
      <c r="I10" s="3"/>
    </row>
    <row r="11" spans="1:9" s="1" customFormat="1" ht="12.6" customHeight="1" x14ac:dyDescent="0.15">
      <c r="A11" s="136"/>
      <c r="B11" s="43" t="s">
        <v>54</v>
      </c>
      <c r="C11" s="109"/>
      <c r="D11" s="43">
        <v>2</v>
      </c>
      <c r="E11" s="109"/>
      <c r="F11" s="44">
        <v>1</v>
      </c>
      <c r="I11" s="3"/>
    </row>
    <row r="12" spans="1:9" s="1" customFormat="1" ht="12.6" customHeight="1" thickBot="1" x14ac:dyDescent="0.2">
      <c r="A12" s="137"/>
      <c r="B12" s="73" t="s">
        <v>55</v>
      </c>
      <c r="C12" s="80"/>
      <c r="D12" s="73">
        <v>1</v>
      </c>
      <c r="E12" s="110"/>
      <c r="F12" s="45">
        <v>1</v>
      </c>
      <c r="I12" s="3"/>
    </row>
    <row r="13" spans="1:9" s="1" customFormat="1" ht="12.6" customHeight="1" x14ac:dyDescent="0.15">
      <c r="A13" s="135" t="s">
        <v>56</v>
      </c>
      <c r="B13" s="41" t="s">
        <v>49</v>
      </c>
      <c r="C13" s="78"/>
      <c r="D13" s="46">
        <v>2</v>
      </c>
      <c r="E13" s="78"/>
      <c r="F13" s="42">
        <v>1</v>
      </c>
      <c r="H13" s="3"/>
    </row>
    <row r="14" spans="1:9" s="1" customFormat="1" ht="12.6" customHeight="1" x14ac:dyDescent="0.15">
      <c r="A14" s="136"/>
      <c r="B14" s="43" t="s">
        <v>54</v>
      </c>
      <c r="C14" s="79"/>
      <c r="D14" s="47">
        <v>2</v>
      </c>
      <c r="E14" s="79"/>
      <c r="F14" s="44">
        <v>1</v>
      </c>
      <c r="H14" s="3"/>
    </row>
    <row r="15" spans="1:9" s="1" customFormat="1" ht="12.6" customHeight="1" x14ac:dyDescent="0.15">
      <c r="A15" s="136"/>
      <c r="B15" s="43" t="s">
        <v>55</v>
      </c>
      <c r="C15" s="79"/>
      <c r="D15" s="47">
        <v>1</v>
      </c>
      <c r="E15" s="79"/>
      <c r="F15" s="44">
        <v>1</v>
      </c>
      <c r="H15" s="3"/>
    </row>
    <row r="16" spans="1:9" s="1" customFormat="1" ht="12.6" customHeight="1" thickBot="1" x14ac:dyDescent="0.2">
      <c r="A16" s="137"/>
      <c r="B16" s="73" t="s">
        <v>57</v>
      </c>
      <c r="C16" s="80"/>
      <c r="D16" s="48">
        <v>5</v>
      </c>
      <c r="E16" s="80"/>
      <c r="F16" s="45">
        <v>1</v>
      </c>
      <c r="H16" s="3"/>
    </row>
    <row r="17" spans="1:8" s="1" customFormat="1" ht="12.6" customHeight="1" thickBot="1" x14ac:dyDescent="0.2">
      <c r="A17" s="145" t="s">
        <v>2</v>
      </c>
      <c r="B17" s="146"/>
      <c r="C17" s="74"/>
      <c r="D17" s="49">
        <v>4</v>
      </c>
      <c r="E17" s="74"/>
      <c r="F17" s="50">
        <v>1</v>
      </c>
    </row>
    <row r="18" spans="1:8" s="1" customFormat="1" ht="12.6" customHeight="1" x14ac:dyDescent="0.15">
      <c r="A18" s="51"/>
      <c r="B18" s="51"/>
      <c r="C18" s="62"/>
      <c r="D18" s="116"/>
      <c r="E18" s="55"/>
      <c r="F18" s="52"/>
      <c r="G18" s="53"/>
    </row>
    <row r="19" spans="1:8" s="1" customFormat="1" ht="12.6" customHeight="1" thickBot="1" x14ac:dyDescent="0.2">
      <c r="A19" s="31" t="s">
        <v>58</v>
      </c>
      <c r="B19" s="54"/>
      <c r="C19" s="117"/>
      <c r="D19" s="117"/>
      <c r="E19" s="54"/>
      <c r="F19" s="55"/>
    </row>
    <row r="20" spans="1:8" s="1" customFormat="1" ht="12.6" customHeight="1" thickBot="1" x14ac:dyDescent="0.2">
      <c r="A20" s="145" t="s">
        <v>0</v>
      </c>
      <c r="B20" s="152"/>
      <c r="C20" s="56" t="s">
        <v>92</v>
      </c>
      <c r="D20" s="49" t="s">
        <v>59</v>
      </c>
      <c r="E20" s="74" t="s">
        <v>92</v>
      </c>
      <c r="F20" s="50" t="s">
        <v>60</v>
      </c>
      <c r="H20" s="3"/>
    </row>
    <row r="21" spans="1:8" s="1" customFormat="1" ht="12.6" customHeight="1" thickBot="1" x14ac:dyDescent="0.2">
      <c r="A21" s="56" t="s">
        <v>1</v>
      </c>
      <c r="B21" s="49"/>
      <c r="C21" s="56"/>
      <c r="D21" s="49">
        <v>8</v>
      </c>
      <c r="E21" s="74"/>
      <c r="F21" s="50">
        <v>1</v>
      </c>
    </row>
    <row r="22" spans="1:8" s="1" customFormat="1" ht="12.6" customHeight="1" x14ac:dyDescent="0.15">
      <c r="A22" s="135" t="s">
        <v>61</v>
      </c>
      <c r="B22" s="41" t="s">
        <v>62</v>
      </c>
      <c r="C22" s="78"/>
      <c r="D22" s="41">
        <v>1</v>
      </c>
      <c r="E22" s="108"/>
      <c r="F22" s="42">
        <v>1</v>
      </c>
    </row>
    <row r="23" spans="1:8" s="1" customFormat="1" ht="12.6" customHeight="1" x14ac:dyDescent="0.15">
      <c r="A23" s="136"/>
      <c r="B23" s="104" t="s">
        <v>51</v>
      </c>
      <c r="C23" s="115"/>
      <c r="D23" s="104">
        <v>1</v>
      </c>
      <c r="E23" s="112"/>
      <c r="F23" s="57">
        <v>1</v>
      </c>
    </row>
    <row r="24" spans="1:8" s="1" customFormat="1" ht="12.6" customHeight="1" x14ac:dyDescent="0.15">
      <c r="A24" s="136"/>
      <c r="B24" s="43" t="s">
        <v>52</v>
      </c>
      <c r="C24" s="79"/>
      <c r="D24" s="43">
        <v>1</v>
      </c>
      <c r="E24" s="109"/>
      <c r="F24" s="44">
        <v>1</v>
      </c>
    </row>
    <row r="25" spans="1:8" s="1" customFormat="1" ht="12.6" customHeight="1" thickBot="1" x14ac:dyDescent="0.2">
      <c r="A25" s="137"/>
      <c r="B25" s="73" t="s">
        <v>49</v>
      </c>
      <c r="C25" s="80"/>
      <c r="D25" s="73">
        <v>1</v>
      </c>
      <c r="E25" s="110"/>
      <c r="F25" s="45">
        <v>1</v>
      </c>
    </row>
    <row r="26" spans="1:8" s="1" customFormat="1" ht="12.6" customHeight="1" x14ac:dyDescent="0.15">
      <c r="A26" s="149" t="s">
        <v>53</v>
      </c>
      <c r="B26" s="41" t="s">
        <v>63</v>
      </c>
      <c r="C26" s="78"/>
      <c r="D26" s="41">
        <v>2</v>
      </c>
      <c r="E26" s="108"/>
      <c r="F26" s="42">
        <v>1</v>
      </c>
    </row>
    <row r="27" spans="1:8" s="1" customFormat="1" ht="12.6" customHeight="1" x14ac:dyDescent="0.15">
      <c r="A27" s="150"/>
      <c r="B27" s="43" t="s">
        <v>64</v>
      </c>
      <c r="C27" s="79"/>
      <c r="D27" s="43">
        <v>4</v>
      </c>
      <c r="E27" s="109"/>
      <c r="F27" s="44">
        <v>1</v>
      </c>
    </row>
    <row r="28" spans="1:8" s="1" customFormat="1" ht="12.6" customHeight="1" x14ac:dyDescent="0.15">
      <c r="A28" s="150"/>
      <c r="B28" s="43" t="s">
        <v>65</v>
      </c>
      <c r="C28" s="79"/>
      <c r="D28" s="43">
        <v>4</v>
      </c>
      <c r="E28" s="109"/>
      <c r="F28" s="44">
        <v>1</v>
      </c>
    </row>
    <row r="29" spans="1:8" s="1" customFormat="1" ht="12.6" customHeight="1" x14ac:dyDescent="0.15">
      <c r="A29" s="150"/>
      <c r="B29" s="43" t="s">
        <v>62</v>
      </c>
      <c r="C29" s="79"/>
      <c r="D29" s="43">
        <v>3</v>
      </c>
      <c r="E29" s="109"/>
      <c r="F29" s="44">
        <v>1</v>
      </c>
    </row>
    <row r="30" spans="1:8" s="1" customFormat="1" ht="12.6" customHeight="1" x14ac:dyDescent="0.15">
      <c r="A30" s="150"/>
      <c r="B30" s="43" t="s">
        <v>51</v>
      </c>
      <c r="C30" s="79"/>
      <c r="D30" s="43">
        <v>4</v>
      </c>
      <c r="E30" s="109"/>
      <c r="F30" s="44">
        <v>1</v>
      </c>
    </row>
    <row r="31" spans="1:8" s="1" customFormat="1" ht="12.6" customHeight="1" x14ac:dyDescent="0.15">
      <c r="A31" s="150"/>
      <c r="B31" s="43" t="s">
        <v>55</v>
      </c>
      <c r="C31" s="79"/>
      <c r="D31" s="43">
        <v>1</v>
      </c>
      <c r="E31" s="109"/>
      <c r="F31" s="44">
        <v>1</v>
      </c>
    </row>
    <row r="32" spans="1:8" s="1" customFormat="1" ht="12.6" customHeight="1" x14ac:dyDescent="0.15">
      <c r="A32" s="150"/>
      <c r="B32" s="43" t="s">
        <v>52</v>
      </c>
      <c r="C32" s="79"/>
      <c r="D32" s="43">
        <v>2</v>
      </c>
      <c r="E32" s="109"/>
      <c r="F32" s="44">
        <v>1</v>
      </c>
    </row>
    <row r="33" spans="1:6" s="1" customFormat="1" ht="12.6" customHeight="1" x14ac:dyDescent="0.15">
      <c r="A33" s="150"/>
      <c r="B33" s="43" t="s">
        <v>54</v>
      </c>
      <c r="C33" s="79"/>
      <c r="D33" s="43">
        <v>1</v>
      </c>
      <c r="E33" s="109"/>
      <c r="F33" s="44">
        <v>1</v>
      </c>
    </row>
    <row r="34" spans="1:6" s="1" customFormat="1" ht="12.6" customHeight="1" thickBot="1" x14ac:dyDescent="0.2">
      <c r="A34" s="151"/>
      <c r="B34" s="73" t="s">
        <v>49</v>
      </c>
      <c r="C34" s="80"/>
      <c r="D34" s="73">
        <v>3</v>
      </c>
      <c r="E34" s="110"/>
      <c r="F34" s="45">
        <v>1</v>
      </c>
    </row>
    <row r="35" spans="1:6" s="1" customFormat="1" ht="12.6" customHeight="1" x14ac:dyDescent="0.15">
      <c r="A35" s="135" t="s">
        <v>56</v>
      </c>
      <c r="B35" s="104" t="s">
        <v>63</v>
      </c>
      <c r="C35" s="115"/>
      <c r="D35" s="104">
        <v>1</v>
      </c>
      <c r="E35" s="112"/>
      <c r="F35" s="57">
        <v>1</v>
      </c>
    </row>
    <row r="36" spans="1:6" s="1" customFormat="1" ht="12.6" customHeight="1" x14ac:dyDescent="0.15">
      <c r="A36" s="136"/>
      <c r="B36" s="43" t="s">
        <v>66</v>
      </c>
      <c r="C36" s="79"/>
      <c r="D36" s="43">
        <v>1</v>
      </c>
      <c r="E36" s="109"/>
      <c r="F36" s="44">
        <v>1</v>
      </c>
    </row>
    <row r="37" spans="1:6" s="1" customFormat="1" ht="12.6" customHeight="1" x14ac:dyDescent="0.15">
      <c r="A37" s="136"/>
      <c r="B37" s="43" t="s">
        <v>67</v>
      </c>
      <c r="C37" s="79"/>
      <c r="D37" s="43">
        <v>1</v>
      </c>
      <c r="E37" s="109"/>
      <c r="F37" s="44">
        <v>1</v>
      </c>
    </row>
    <row r="38" spans="1:6" s="1" customFormat="1" ht="12.6" customHeight="1" x14ac:dyDescent="0.15">
      <c r="A38" s="136"/>
      <c r="B38" s="43" t="s">
        <v>68</v>
      </c>
      <c r="C38" s="79"/>
      <c r="D38" s="43">
        <v>1</v>
      </c>
      <c r="E38" s="109"/>
      <c r="F38" s="44">
        <v>1</v>
      </c>
    </row>
    <row r="39" spans="1:6" s="1" customFormat="1" ht="12.6" customHeight="1" x14ac:dyDescent="0.15">
      <c r="A39" s="136"/>
      <c r="B39" s="43" t="s">
        <v>69</v>
      </c>
      <c r="C39" s="79"/>
      <c r="D39" s="43">
        <v>1</v>
      </c>
      <c r="E39" s="109"/>
      <c r="F39" s="44">
        <v>1</v>
      </c>
    </row>
    <row r="40" spans="1:6" s="1" customFormat="1" ht="12.6" customHeight="1" x14ac:dyDescent="0.15">
      <c r="A40" s="136"/>
      <c r="B40" s="43" t="s">
        <v>65</v>
      </c>
      <c r="C40" s="79"/>
      <c r="D40" s="43">
        <v>2</v>
      </c>
      <c r="E40" s="109"/>
      <c r="F40" s="44">
        <v>1</v>
      </c>
    </row>
    <row r="41" spans="1:6" s="1" customFormat="1" ht="12.6" customHeight="1" x14ac:dyDescent="0.15">
      <c r="A41" s="136"/>
      <c r="B41" s="43" t="s">
        <v>70</v>
      </c>
      <c r="C41" s="79"/>
      <c r="D41" s="43">
        <v>1</v>
      </c>
      <c r="E41" s="109"/>
      <c r="F41" s="44">
        <v>1</v>
      </c>
    </row>
    <row r="42" spans="1:6" s="1" customFormat="1" ht="12.6" customHeight="1" x14ac:dyDescent="0.15">
      <c r="A42" s="136"/>
      <c r="B42" s="43" t="s">
        <v>71</v>
      </c>
      <c r="C42" s="79"/>
      <c r="D42" s="43">
        <v>1</v>
      </c>
      <c r="E42" s="109"/>
      <c r="F42" s="44">
        <v>1</v>
      </c>
    </row>
    <row r="43" spans="1:6" s="1" customFormat="1" ht="12.6" customHeight="1" x14ac:dyDescent="0.15">
      <c r="A43" s="136"/>
      <c r="B43" s="43" t="s">
        <v>72</v>
      </c>
      <c r="C43" s="79"/>
      <c r="D43" s="43">
        <v>2</v>
      </c>
      <c r="E43" s="109"/>
      <c r="F43" s="44">
        <v>1</v>
      </c>
    </row>
    <row r="44" spans="1:6" s="1" customFormat="1" ht="12.6" customHeight="1" x14ac:dyDescent="0.15">
      <c r="A44" s="136"/>
      <c r="B44" s="43" t="s">
        <v>52</v>
      </c>
      <c r="C44" s="79"/>
      <c r="D44" s="43">
        <v>2</v>
      </c>
      <c r="E44" s="109"/>
      <c r="F44" s="44">
        <v>1</v>
      </c>
    </row>
    <row r="45" spans="1:6" s="1" customFormat="1" ht="12.6" customHeight="1" x14ac:dyDescent="0.15">
      <c r="A45" s="136"/>
      <c r="B45" s="43" t="s">
        <v>51</v>
      </c>
      <c r="C45" s="79"/>
      <c r="D45" s="43">
        <v>1</v>
      </c>
      <c r="E45" s="109"/>
      <c r="F45" s="44">
        <v>1</v>
      </c>
    </row>
    <row r="46" spans="1:6" s="1" customFormat="1" ht="12.6" customHeight="1" x14ac:dyDescent="0.15">
      <c r="A46" s="136"/>
      <c r="B46" s="43" t="s">
        <v>55</v>
      </c>
      <c r="C46" s="79"/>
      <c r="D46" s="43">
        <v>1</v>
      </c>
      <c r="E46" s="109"/>
      <c r="F46" s="44">
        <v>1</v>
      </c>
    </row>
    <row r="47" spans="1:6" s="1" customFormat="1" ht="12.6" customHeight="1" x14ac:dyDescent="0.15">
      <c r="A47" s="136"/>
      <c r="B47" s="43" t="s">
        <v>57</v>
      </c>
      <c r="C47" s="79"/>
      <c r="D47" s="43">
        <v>2</v>
      </c>
      <c r="E47" s="109"/>
      <c r="F47" s="44">
        <v>1</v>
      </c>
    </row>
    <row r="48" spans="1:6" s="1" customFormat="1" ht="12.6" customHeight="1" x14ac:dyDescent="0.15">
      <c r="A48" s="136"/>
      <c r="B48" s="43" t="s">
        <v>49</v>
      </c>
      <c r="C48" s="79"/>
      <c r="D48" s="43">
        <v>6</v>
      </c>
      <c r="E48" s="109"/>
      <c r="F48" s="44">
        <v>1</v>
      </c>
    </row>
    <row r="49" spans="1:8" s="1" customFormat="1" ht="12.6" customHeight="1" x14ac:dyDescent="0.15">
      <c r="A49" s="136"/>
      <c r="B49" s="43" t="s">
        <v>54</v>
      </c>
      <c r="C49" s="79"/>
      <c r="D49" s="43">
        <v>1</v>
      </c>
      <c r="E49" s="109"/>
      <c r="F49" s="44">
        <v>1</v>
      </c>
    </row>
    <row r="50" spans="1:8" s="1" customFormat="1" ht="12.6" customHeight="1" x14ac:dyDescent="0.15">
      <c r="A50" s="136"/>
      <c r="B50" s="43" t="s">
        <v>73</v>
      </c>
      <c r="C50" s="79"/>
      <c r="D50" s="43">
        <v>1</v>
      </c>
      <c r="E50" s="109"/>
      <c r="F50" s="44">
        <v>1</v>
      </c>
      <c r="H50" s="3"/>
    </row>
    <row r="51" spans="1:8" s="1" customFormat="1" ht="12.6" customHeight="1" x14ac:dyDescent="0.15">
      <c r="A51" s="136"/>
      <c r="B51" s="43" t="s">
        <v>74</v>
      </c>
      <c r="C51" s="79"/>
      <c r="D51" s="43">
        <v>1</v>
      </c>
      <c r="E51" s="109"/>
      <c r="F51" s="44">
        <v>1</v>
      </c>
    </row>
    <row r="52" spans="1:8" s="1" customFormat="1" ht="12.6" customHeight="1" x14ac:dyDescent="0.15">
      <c r="A52" s="136"/>
      <c r="B52" s="43" t="s">
        <v>75</v>
      </c>
      <c r="C52" s="79"/>
      <c r="D52" s="43">
        <v>1</v>
      </c>
      <c r="E52" s="109"/>
      <c r="F52" s="44">
        <v>1</v>
      </c>
    </row>
    <row r="53" spans="1:8" s="1" customFormat="1" ht="12.6" customHeight="1" x14ac:dyDescent="0.15">
      <c r="A53" s="136"/>
      <c r="B53" s="43" t="s">
        <v>76</v>
      </c>
      <c r="C53" s="79"/>
      <c r="D53" s="43">
        <v>1</v>
      </c>
      <c r="E53" s="109"/>
      <c r="F53" s="44">
        <v>1</v>
      </c>
    </row>
    <row r="54" spans="1:8" s="1" customFormat="1" ht="12.6" customHeight="1" x14ac:dyDescent="0.15">
      <c r="A54" s="136"/>
      <c r="B54" s="43" t="s">
        <v>77</v>
      </c>
      <c r="C54" s="79"/>
      <c r="D54" s="43">
        <v>1</v>
      </c>
      <c r="E54" s="109"/>
      <c r="F54" s="44">
        <v>1</v>
      </c>
    </row>
    <row r="55" spans="1:8" s="1" customFormat="1" ht="12.6" customHeight="1" x14ac:dyDescent="0.15">
      <c r="A55" s="136"/>
      <c r="B55" s="43" t="s">
        <v>78</v>
      </c>
      <c r="C55" s="79"/>
      <c r="D55" s="43">
        <v>1</v>
      </c>
      <c r="E55" s="109"/>
      <c r="F55" s="44">
        <v>1</v>
      </c>
    </row>
    <row r="56" spans="1:8" s="1" customFormat="1" ht="12.6" customHeight="1" x14ac:dyDescent="0.15">
      <c r="A56" s="136"/>
      <c r="B56" s="43" t="s">
        <v>79</v>
      </c>
      <c r="C56" s="79"/>
      <c r="D56" s="43">
        <v>1</v>
      </c>
      <c r="E56" s="109"/>
      <c r="F56" s="44">
        <v>1</v>
      </c>
    </row>
    <row r="57" spans="1:8" s="1" customFormat="1" ht="12.6" customHeight="1" x14ac:dyDescent="0.15">
      <c r="A57" s="136"/>
      <c r="B57" s="105" t="s">
        <v>80</v>
      </c>
      <c r="C57" s="72"/>
      <c r="D57" s="105">
        <v>1</v>
      </c>
      <c r="E57" s="111"/>
      <c r="F57" s="44">
        <v>1</v>
      </c>
    </row>
    <row r="58" spans="1:8" s="1" customFormat="1" ht="12.6" customHeight="1" thickBot="1" x14ac:dyDescent="0.2">
      <c r="A58" s="58"/>
      <c r="B58" s="73" t="s">
        <v>81</v>
      </c>
      <c r="C58" s="80"/>
      <c r="D58" s="73">
        <v>1</v>
      </c>
      <c r="E58" s="80"/>
      <c r="F58" s="57">
        <v>1</v>
      </c>
    </row>
    <row r="59" spans="1:8" s="1" customFormat="1" ht="12.6" customHeight="1" x14ac:dyDescent="0.15">
      <c r="A59" s="149" t="s">
        <v>82</v>
      </c>
      <c r="B59" s="41" t="s">
        <v>83</v>
      </c>
      <c r="C59" s="78"/>
      <c r="D59" s="41">
        <v>3</v>
      </c>
      <c r="E59" s="108"/>
      <c r="F59" s="42">
        <v>1</v>
      </c>
    </row>
    <row r="60" spans="1:8" s="1" customFormat="1" ht="12.6" customHeight="1" x14ac:dyDescent="0.15">
      <c r="A60" s="150"/>
      <c r="B60" s="43" t="s">
        <v>84</v>
      </c>
      <c r="C60" s="79"/>
      <c r="D60" s="43">
        <v>2</v>
      </c>
      <c r="E60" s="109"/>
      <c r="F60" s="44">
        <v>1</v>
      </c>
    </row>
    <row r="61" spans="1:8" s="1" customFormat="1" ht="12.6" customHeight="1" thickBot="1" x14ac:dyDescent="0.2">
      <c r="A61" s="151"/>
      <c r="B61" s="73" t="s">
        <v>85</v>
      </c>
      <c r="C61" s="80"/>
      <c r="D61" s="73">
        <v>2</v>
      </c>
      <c r="E61" s="110"/>
      <c r="F61" s="45">
        <v>1</v>
      </c>
    </row>
    <row r="62" spans="1:8" s="1" customFormat="1" ht="12.6" customHeight="1" thickBot="1" x14ac:dyDescent="0.2">
      <c r="A62" s="145" t="s">
        <v>86</v>
      </c>
      <c r="B62" s="146"/>
      <c r="C62" s="56"/>
      <c r="D62" s="49">
        <v>4</v>
      </c>
      <c r="E62" s="74"/>
      <c r="F62" s="50">
        <v>1</v>
      </c>
    </row>
    <row r="63" spans="1:8" s="1" customFormat="1" ht="12.6" customHeight="1" thickBot="1" x14ac:dyDescent="0.2">
      <c r="A63" s="145" t="s">
        <v>33</v>
      </c>
      <c r="B63" s="146"/>
      <c r="C63" s="56"/>
      <c r="D63" s="49">
        <v>2</v>
      </c>
      <c r="E63" s="74"/>
      <c r="F63" s="50">
        <v>1</v>
      </c>
    </row>
    <row r="64" spans="1:8" s="1" customFormat="1" ht="12.6" customHeight="1" x14ac:dyDescent="0.15">
      <c r="A64" s="54"/>
      <c r="B64" s="54"/>
      <c r="C64" s="54"/>
      <c r="D64" s="55"/>
      <c r="E64" s="55"/>
      <c r="F64" s="55"/>
      <c r="G64" s="53"/>
    </row>
    <row r="65" spans="1:8" s="1" customFormat="1" ht="12.6" customHeight="1" thickBot="1" x14ac:dyDescent="0.2">
      <c r="A65" s="59" t="s">
        <v>87</v>
      </c>
      <c r="B65" s="54"/>
      <c r="C65" s="54"/>
      <c r="D65" s="54"/>
      <c r="E65" s="54"/>
      <c r="F65" s="54"/>
    </row>
    <row r="66" spans="1:8" s="1" customFormat="1" ht="12.6" customHeight="1" thickBot="1" x14ac:dyDescent="0.2">
      <c r="A66" s="147" t="s">
        <v>88</v>
      </c>
      <c r="B66" s="148"/>
      <c r="C66" s="76"/>
      <c r="D66" s="60" t="s">
        <v>89</v>
      </c>
      <c r="E66" s="118"/>
      <c r="F66" s="40">
        <v>4</v>
      </c>
      <c r="G66" s="53"/>
    </row>
    <row r="67" spans="1:8" s="1" customFormat="1" ht="12.6" customHeight="1" thickBot="1" x14ac:dyDescent="0.2">
      <c r="A67" s="61"/>
      <c r="B67" s="61"/>
      <c r="C67" s="76"/>
      <c r="D67" s="61"/>
      <c r="E67" s="77"/>
      <c r="F67" s="62"/>
      <c r="G67" s="53"/>
    </row>
    <row r="68" spans="1:8" s="1" customFormat="1" ht="12.6" customHeight="1" thickBot="1" x14ac:dyDescent="0.2">
      <c r="A68" s="145" t="s">
        <v>90</v>
      </c>
      <c r="B68" s="146"/>
      <c r="C68" s="77"/>
      <c r="D68" s="63" t="s">
        <v>91</v>
      </c>
      <c r="E68" s="118"/>
      <c r="F68" s="50">
        <v>4</v>
      </c>
      <c r="G68" s="53"/>
    </row>
    <row r="69" spans="1:8" ht="12" customHeight="1" x14ac:dyDescent="0.15">
      <c r="A69" s="64"/>
      <c r="B69" s="64"/>
      <c r="C69" s="64"/>
      <c r="D69" s="65"/>
      <c r="E69" s="65"/>
      <c r="F69" s="66"/>
      <c r="G69" s="67"/>
      <c r="H69" s="68"/>
    </row>
    <row r="70" spans="1:8" ht="15" customHeight="1" x14ac:dyDescent="0.15">
      <c r="B70" s="69"/>
      <c r="C70" s="69"/>
      <c r="D70" s="69"/>
      <c r="E70" s="69"/>
      <c r="F70" s="69"/>
    </row>
  </sheetData>
  <mergeCells count="17">
    <mergeCell ref="A63:B63"/>
    <mergeCell ref="A66:B66"/>
    <mergeCell ref="A68:B68"/>
    <mergeCell ref="A17:B17"/>
    <mergeCell ref="A22:A25"/>
    <mergeCell ref="A26:A34"/>
    <mergeCell ref="A35:A57"/>
    <mergeCell ref="A59:A61"/>
    <mergeCell ref="A62:B62"/>
    <mergeCell ref="A20:B20"/>
    <mergeCell ref="A13:A16"/>
    <mergeCell ref="A1:F1"/>
    <mergeCell ref="A2:F2"/>
    <mergeCell ref="A8:A9"/>
    <mergeCell ref="D9:F9"/>
    <mergeCell ref="A10:A12"/>
    <mergeCell ref="A5:B5"/>
  </mergeCells>
  <phoneticPr fontId="1"/>
  <pageMargins left="0.70866141732283472" right="0.51181102362204722" top="0.35433070866141736" bottom="0.15748031496062992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4年1次・3次</vt:lpstr>
      <vt:lpstr>R4年2次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4-13T01:25:06Z</cp:lastPrinted>
  <dcterms:created xsi:type="dcterms:W3CDTF">2008-05-25T13:07:57Z</dcterms:created>
  <dcterms:modified xsi:type="dcterms:W3CDTF">2008-05-25T13:07:57Z</dcterms:modified>
</cp:coreProperties>
</file>